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cranendonc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D3207094-47AB-9E35-FE44-C4C808F3C9C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4790" y="4560411"/>
            <a:ext cx="2537072" cy="210576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E55CA2F0-7D6A-9FE5-BC3C-4952CA4B227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9691" y="3712021"/>
            <a:ext cx="1953030" cy="162101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1-01T10:35:42Z</dcterms:modified>
</cp:coreProperties>
</file>